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sonenbreuge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schermopname, logo, Lettertype&#10;&#10;Automatisch gegenereerde beschrijving">
            <a:extLst>
              <a:ext uri="{FF2B5EF4-FFF2-40B4-BE49-F238E27FC236}">
                <a16:creationId xmlns:a16="http://schemas.microsoft.com/office/drawing/2014/main" id="{226C3F42-71E1-B141-971C-17321C6BF7E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98324" y="4546033"/>
            <a:ext cx="1919194"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schermopname, logo, Lettertype&#10;&#10;Automatisch gegenereerde beschrijving">
            <a:extLst>
              <a:ext uri="{FF2B5EF4-FFF2-40B4-BE49-F238E27FC236}">
                <a16:creationId xmlns:a16="http://schemas.microsoft.com/office/drawing/2014/main" id="{4E3CFB84-68A2-A140-C06F-FB27BEFDAE6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41636" y="3630839"/>
            <a:ext cx="1532077" cy="167915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4</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2-16T09:16:06Z</dcterms:modified>
</cp:coreProperties>
</file>